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20" sheetId="31" r:id="rId1"/>
  </sheets>
  <definedNames>
    <definedName name="_xlnm.Print_Area" localSheetId="0">'20-20'!$A$1:$AA$25</definedName>
  </definedNames>
  <calcPr calcId="152511" calcMode="manual" iterate="1"/>
</workbook>
</file>

<file path=xl/sharedStrings.xml><?xml version="1.0" encoding="utf-8"?>
<sst xmlns="http://schemas.openxmlformats.org/spreadsheetml/2006/main" count="193" uniqueCount="26">
  <si>
    <t>各年度5月1日現在（単位：校，人）</t>
    <rPh sb="0" eb="1">
      <t>カク</t>
    </rPh>
    <rPh sb="1" eb="3">
      <t>ネンド</t>
    </rPh>
    <rPh sb="4" eb="5">
      <t>ガツ</t>
    </rPh>
    <rPh sb="6" eb="7">
      <t>ヒ</t>
    </rPh>
    <rPh sb="7" eb="9">
      <t>ゲンザイ</t>
    </rPh>
    <rPh sb="10" eb="12">
      <t>タンイ</t>
    </rPh>
    <rPh sb="13" eb="14">
      <t>コウ</t>
    </rPh>
    <rPh sb="15" eb="16">
      <t>ヒト</t>
    </rPh>
    <phoneticPr fontId="2"/>
  </si>
  <si>
    <t>-</t>
    <phoneticPr fontId="2"/>
  </si>
  <si>
    <t>総数</t>
    <rPh sb="0" eb="2">
      <t>ソウスウ</t>
    </rPh>
    <phoneticPr fontId="2"/>
  </si>
  <si>
    <t>学校数</t>
    <rPh sb="0" eb="2">
      <t>ガッコウ</t>
    </rPh>
    <rPh sb="2" eb="3">
      <t>カズ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2"/>
  </si>
  <si>
    <t>計</t>
    <rPh sb="0" eb="1">
      <t>ケイ</t>
    </rPh>
    <phoneticPr fontId="2"/>
  </si>
  <si>
    <t>その他</t>
    <rPh sb="2" eb="3">
      <t>タ</t>
    </rPh>
    <phoneticPr fontId="2"/>
  </si>
  <si>
    <t>生徒数</t>
    <rPh sb="0" eb="2">
      <t>セイト</t>
    </rPh>
    <rPh sb="2" eb="3">
      <t>カズ</t>
    </rPh>
    <phoneticPr fontId="2"/>
  </si>
  <si>
    <t>年度</t>
    <rPh sb="0" eb="2">
      <t>ネンド</t>
    </rPh>
    <phoneticPr fontId="2"/>
  </si>
  <si>
    <t>公立</t>
    <rPh sb="0" eb="2">
      <t>コウリツ</t>
    </rPh>
    <phoneticPr fontId="2"/>
  </si>
  <si>
    <t>私立</t>
    <rPh sb="0" eb="2">
      <t>シリツ</t>
    </rPh>
    <phoneticPr fontId="2"/>
  </si>
  <si>
    <t>高等課程</t>
    <rPh sb="0" eb="2">
      <t>コウトウ</t>
    </rPh>
    <rPh sb="2" eb="4">
      <t>カテイ</t>
    </rPh>
    <phoneticPr fontId="2"/>
  </si>
  <si>
    <t>専門課程</t>
    <rPh sb="0" eb="2">
      <t>センモン</t>
    </rPh>
    <rPh sb="2" eb="4">
      <t>カテイ</t>
    </rPh>
    <phoneticPr fontId="2"/>
  </si>
  <si>
    <t>一般課程</t>
    <rPh sb="0" eb="2">
      <t>イッパン</t>
    </rPh>
    <rPh sb="2" eb="4">
      <t>カテイ</t>
    </rPh>
    <phoneticPr fontId="2"/>
  </si>
  <si>
    <t>昼間</t>
    <rPh sb="0" eb="2">
      <t>ヒルマ</t>
    </rPh>
    <phoneticPr fontId="2"/>
  </si>
  <si>
    <t>卒業者</t>
    <rPh sb="0" eb="3">
      <t>ソツギョウシャ</t>
    </rPh>
    <phoneticPr fontId="2"/>
  </si>
  <si>
    <t>－専修学校－</t>
    <rPh sb="1" eb="5">
      <t>センシュウガッコウ</t>
    </rPh>
    <phoneticPr fontId="2"/>
  </si>
  <si>
    <t>-</t>
    <phoneticPr fontId="2"/>
  </si>
  <si>
    <t>平成13年度</t>
    <rPh sb="0" eb="2">
      <t>ヘイセイ</t>
    </rPh>
    <rPh sb="4" eb="6">
      <t>ネンド</t>
    </rPh>
    <phoneticPr fontId="2"/>
  </si>
  <si>
    <t>-</t>
  </si>
  <si>
    <t>令和元年度</t>
    <rPh sb="0" eb="5">
      <t>レイワガンネンド</t>
    </rPh>
    <phoneticPr fontId="2"/>
  </si>
  <si>
    <t>20-20　学校数及び生徒数</t>
    <rPh sb="6" eb="8">
      <t>ガッコウ</t>
    </rPh>
    <rPh sb="8" eb="9">
      <t>カズ</t>
    </rPh>
    <rPh sb="9" eb="10">
      <t>オヨ</t>
    </rPh>
    <rPh sb="11" eb="14">
      <t>セイトスウ</t>
    </rPh>
    <phoneticPr fontId="2"/>
  </si>
  <si>
    <t>教員数（本務者）</t>
    <rPh sb="0" eb="2">
      <t>キョウイン</t>
    </rPh>
    <rPh sb="2" eb="3">
      <t>カズ</t>
    </rPh>
    <rPh sb="4" eb="6">
      <t>ホンム</t>
    </rPh>
    <rPh sb="6" eb="7">
      <t>シャ</t>
    </rPh>
    <phoneticPr fontId="2"/>
  </si>
  <si>
    <t>職員数（本務者）</t>
    <rPh sb="0" eb="2">
      <t>ショクイン</t>
    </rPh>
    <rPh sb="2" eb="3">
      <t>カズ</t>
    </rPh>
    <rPh sb="4" eb="6">
      <t>ホンム</t>
    </rPh>
    <rPh sb="6" eb="7">
      <t>シャ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7" fillId="0" borderId="0">
      <alignment vertical="center"/>
    </xf>
  </cellStyleXfs>
  <cellXfs count="29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4" fillId="0" borderId="0" xfId="0" applyFont="1" applyBorder="1" applyAlignment="1">
      <alignment vertical="center"/>
    </xf>
    <xf numFmtId="0" fontId="5" fillId="0" borderId="0" xfId="0" applyFont="1" applyAlignment="1">
      <alignment vertical="center"/>
    </xf>
    <xf numFmtId="49" fontId="3" fillId="0" borderId="0" xfId="0" applyNumberFormat="1" applyFont="1" applyAlignment="1">
      <alignment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38" fontId="5" fillId="0" borderId="0" xfId="1" applyFont="1" applyBorder="1" applyAlignment="1">
      <alignment horizontal="center" vertical="center"/>
    </xf>
    <xf numFmtId="38" fontId="5" fillId="0" borderId="6" xfId="1" applyFont="1" applyBorder="1" applyAlignment="1">
      <alignment horizontal="center" vertical="center"/>
    </xf>
    <xf numFmtId="38" fontId="5" fillId="0" borderId="6" xfId="2" applyNumberFormat="1" applyFont="1" applyBorder="1" applyAlignment="1">
      <alignment horizontal="center" vertical="center" shrinkToFit="1"/>
    </xf>
    <xf numFmtId="38" fontId="5" fillId="0" borderId="0" xfId="2" applyNumberFormat="1" applyFont="1" applyAlignment="1">
      <alignment horizontal="center" vertical="center" shrinkToFit="1"/>
    </xf>
    <xf numFmtId="38" fontId="5" fillId="0" borderId="0" xfId="1" applyNumberFormat="1" applyFont="1" applyBorder="1" applyAlignment="1">
      <alignment horizontal="center" vertical="center"/>
    </xf>
    <xf numFmtId="38" fontId="5" fillId="0" borderId="0" xfId="1" applyNumberFormat="1" applyFont="1" applyFill="1" applyBorder="1" applyAlignment="1">
      <alignment horizontal="center" vertical="center"/>
    </xf>
    <xf numFmtId="38" fontId="5" fillId="0" borderId="0" xfId="2" applyNumberFormat="1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長野県SY2学校調査（専修学校）001_20091130152607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E25"/>
  <sheetViews>
    <sheetView tabSelected="1" zoomScaleNormal="100" zoomScaleSheetLayoutView="100" workbookViewId="0">
      <pane xSplit="1" ySplit="5" topLeftCell="B6" activePane="bottomRight" state="frozen"/>
      <selection pane="topRight" activeCell="C1" sqref="C1"/>
      <selection pane="bottomLeft" activeCell="A8" sqref="A8"/>
      <selection pane="bottomRight"/>
    </sheetView>
  </sheetViews>
  <sheetFormatPr defaultRowHeight="13.5"/>
  <cols>
    <col min="1" max="1" width="11.125" style="2" customWidth="1"/>
    <col min="2" max="4" width="5.375" style="2" customWidth="1"/>
    <col min="5" max="7" width="6.625" style="2" customWidth="1"/>
    <col min="8" max="9" width="6" style="2" customWidth="1"/>
    <col min="10" max="11" width="7.125" style="2" customWidth="1"/>
    <col min="12" max="13" width="6.625" style="2" customWidth="1"/>
    <col min="14" max="17" width="7.625" style="2" customWidth="1"/>
    <col min="18" max="18" width="7.625" style="2" hidden="1" customWidth="1"/>
    <col min="19" max="19" width="6.625" style="2" hidden="1" customWidth="1"/>
    <col min="20" max="21" width="6.125" style="2" hidden="1" customWidth="1"/>
    <col min="22" max="27" width="6.875" style="2" customWidth="1"/>
    <col min="28" max="31" width="5.375" style="2" customWidth="1"/>
    <col min="32" max="16384" width="9" style="2"/>
  </cols>
  <sheetData>
    <row r="1" spans="1:31" ht="18.75" customHeight="1" thickBot="1">
      <c r="A1" s="1" t="s">
        <v>23</v>
      </c>
      <c r="G1" s="10" t="s">
        <v>18</v>
      </c>
      <c r="AA1" s="3" t="s">
        <v>0</v>
      </c>
    </row>
    <row r="2" spans="1:31">
      <c r="A2" s="22" t="s">
        <v>10</v>
      </c>
      <c r="B2" s="21" t="s">
        <v>3</v>
      </c>
      <c r="C2" s="21"/>
      <c r="D2" s="21"/>
      <c r="E2" s="11"/>
      <c r="F2" s="12"/>
      <c r="G2" s="12"/>
      <c r="H2" s="12"/>
      <c r="I2" s="12"/>
      <c r="J2" s="12"/>
      <c r="K2" s="12"/>
      <c r="L2" s="25" t="s">
        <v>9</v>
      </c>
      <c r="M2" s="25"/>
      <c r="N2" s="12"/>
      <c r="O2" s="12"/>
      <c r="P2" s="12"/>
      <c r="Q2" s="12"/>
      <c r="R2" s="12"/>
      <c r="S2" s="4"/>
      <c r="T2" s="21" t="s">
        <v>17</v>
      </c>
      <c r="U2" s="21"/>
      <c r="V2" s="21" t="s">
        <v>24</v>
      </c>
      <c r="W2" s="21"/>
      <c r="X2" s="21"/>
      <c r="Y2" s="21" t="s">
        <v>25</v>
      </c>
      <c r="Z2" s="21"/>
      <c r="AA2" s="27"/>
      <c r="AB2" s="8"/>
      <c r="AC2" s="8"/>
      <c r="AD2" s="8"/>
      <c r="AE2" s="8"/>
    </row>
    <row r="3" spans="1:31">
      <c r="A3" s="23"/>
      <c r="B3" s="20" t="s">
        <v>7</v>
      </c>
      <c r="C3" s="20" t="s">
        <v>11</v>
      </c>
      <c r="D3" s="20" t="s">
        <v>12</v>
      </c>
      <c r="E3" s="20" t="s">
        <v>2</v>
      </c>
      <c r="F3" s="20"/>
      <c r="G3" s="20"/>
      <c r="H3" s="20"/>
      <c r="I3" s="20"/>
      <c r="J3" s="20"/>
      <c r="K3" s="20"/>
      <c r="L3" s="20" t="s">
        <v>13</v>
      </c>
      <c r="M3" s="20"/>
      <c r="N3" s="26" t="s">
        <v>14</v>
      </c>
      <c r="O3" s="20"/>
      <c r="P3" s="20" t="s">
        <v>15</v>
      </c>
      <c r="Q3" s="20"/>
      <c r="R3" s="20" t="s">
        <v>16</v>
      </c>
      <c r="S3" s="20" t="s">
        <v>8</v>
      </c>
      <c r="T3" s="20" t="s">
        <v>4</v>
      </c>
      <c r="U3" s="20" t="s">
        <v>5</v>
      </c>
      <c r="V3" s="20" t="s">
        <v>7</v>
      </c>
      <c r="W3" s="20" t="s">
        <v>4</v>
      </c>
      <c r="X3" s="20" t="s">
        <v>5</v>
      </c>
      <c r="Y3" s="20" t="s">
        <v>7</v>
      </c>
      <c r="Z3" s="20" t="s">
        <v>4</v>
      </c>
      <c r="AA3" s="28" t="s">
        <v>5</v>
      </c>
      <c r="AB3" s="8"/>
      <c r="AC3" s="8"/>
      <c r="AD3" s="8"/>
      <c r="AE3" s="8"/>
    </row>
    <row r="4" spans="1:31">
      <c r="A4" s="23"/>
      <c r="B4" s="20"/>
      <c r="C4" s="20"/>
      <c r="D4" s="20"/>
      <c r="E4" s="20" t="s">
        <v>7</v>
      </c>
      <c r="F4" s="20" t="s">
        <v>4</v>
      </c>
      <c r="G4" s="20" t="s">
        <v>5</v>
      </c>
      <c r="H4" s="20" t="s">
        <v>11</v>
      </c>
      <c r="I4" s="20"/>
      <c r="J4" s="20" t="s">
        <v>12</v>
      </c>
      <c r="K4" s="20"/>
      <c r="L4" s="20" t="s">
        <v>4</v>
      </c>
      <c r="M4" s="20" t="s">
        <v>5</v>
      </c>
      <c r="N4" s="26" t="s">
        <v>4</v>
      </c>
      <c r="O4" s="20" t="s">
        <v>5</v>
      </c>
      <c r="P4" s="20" t="s">
        <v>4</v>
      </c>
      <c r="Q4" s="20" t="s">
        <v>5</v>
      </c>
      <c r="R4" s="20"/>
      <c r="S4" s="20"/>
      <c r="T4" s="20"/>
      <c r="U4" s="20"/>
      <c r="V4" s="20"/>
      <c r="W4" s="20"/>
      <c r="X4" s="20"/>
      <c r="Y4" s="20"/>
      <c r="Z4" s="20"/>
      <c r="AA4" s="28"/>
      <c r="AB4" s="8"/>
      <c r="AC4" s="8"/>
      <c r="AD4" s="8"/>
      <c r="AE4" s="8"/>
    </row>
    <row r="5" spans="1:31">
      <c r="A5" s="24"/>
      <c r="B5" s="20"/>
      <c r="C5" s="20"/>
      <c r="D5" s="20"/>
      <c r="E5" s="20"/>
      <c r="F5" s="20"/>
      <c r="G5" s="20"/>
      <c r="H5" s="5" t="s">
        <v>4</v>
      </c>
      <c r="I5" s="5" t="s">
        <v>5</v>
      </c>
      <c r="J5" s="5" t="s">
        <v>4</v>
      </c>
      <c r="K5" s="5" t="s">
        <v>5</v>
      </c>
      <c r="L5" s="20"/>
      <c r="M5" s="20"/>
      <c r="N5" s="26"/>
      <c r="O5" s="20"/>
      <c r="P5" s="20"/>
      <c r="Q5" s="20"/>
      <c r="R5" s="20"/>
      <c r="S5" s="20"/>
      <c r="T5" s="20"/>
      <c r="U5" s="20"/>
      <c r="V5" s="20"/>
      <c r="W5" s="20"/>
      <c r="X5" s="20"/>
      <c r="Y5" s="20"/>
      <c r="Z5" s="20"/>
      <c r="AA5" s="28"/>
      <c r="AB5" s="8"/>
      <c r="AC5" s="8"/>
      <c r="AD5" s="8"/>
      <c r="AE5" s="8"/>
    </row>
    <row r="6" spans="1:31" ht="19.5" customHeight="1">
      <c r="A6" s="7" t="s">
        <v>20</v>
      </c>
      <c r="B6" s="13">
        <v>3</v>
      </c>
      <c r="C6" s="13" t="s">
        <v>19</v>
      </c>
      <c r="D6" s="13">
        <v>3</v>
      </c>
      <c r="E6" s="13">
        <v>482</v>
      </c>
      <c r="F6" s="13">
        <v>129</v>
      </c>
      <c r="G6" s="13">
        <v>353</v>
      </c>
      <c r="H6" s="13" t="s">
        <v>19</v>
      </c>
      <c r="I6" s="13" t="s">
        <v>19</v>
      </c>
      <c r="J6" s="13">
        <v>129</v>
      </c>
      <c r="K6" s="13">
        <v>353</v>
      </c>
      <c r="L6" s="13" t="s">
        <v>19</v>
      </c>
      <c r="M6" s="13" t="s">
        <v>19</v>
      </c>
      <c r="N6" s="13">
        <v>129</v>
      </c>
      <c r="O6" s="13">
        <v>353</v>
      </c>
      <c r="P6" s="13" t="s">
        <v>19</v>
      </c>
      <c r="Q6" s="13" t="s">
        <v>19</v>
      </c>
      <c r="R6" s="13">
        <v>482</v>
      </c>
      <c r="S6" s="13" t="s">
        <v>19</v>
      </c>
      <c r="T6" s="13">
        <v>28</v>
      </c>
      <c r="U6" s="13">
        <v>12</v>
      </c>
      <c r="V6" s="13">
        <v>33</v>
      </c>
      <c r="W6" s="13">
        <v>9</v>
      </c>
      <c r="X6" s="13">
        <v>24</v>
      </c>
      <c r="Y6" s="13">
        <v>11</v>
      </c>
      <c r="Z6" s="13">
        <v>6</v>
      </c>
      <c r="AA6" s="13">
        <v>5</v>
      </c>
      <c r="AB6" s="8"/>
      <c r="AC6" s="8"/>
      <c r="AD6" s="8"/>
      <c r="AE6" s="8"/>
    </row>
    <row r="7" spans="1:31" ht="19.5" customHeight="1">
      <c r="A7" s="7">
        <v>14</v>
      </c>
      <c r="B7" s="13">
        <v>3</v>
      </c>
      <c r="C7" s="13" t="s">
        <v>19</v>
      </c>
      <c r="D7" s="13">
        <v>3</v>
      </c>
      <c r="E7" s="13">
        <v>466</v>
      </c>
      <c r="F7" s="13">
        <v>130</v>
      </c>
      <c r="G7" s="13">
        <v>336</v>
      </c>
      <c r="H7" s="13" t="s">
        <v>19</v>
      </c>
      <c r="I7" s="13" t="s">
        <v>19</v>
      </c>
      <c r="J7" s="13">
        <v>130</v>
      </c>
      <c r="K7" s="13">
        <v>336</v>
      </c>
      <c r="L7" s="13" t="s">
        <v>19</v>
      </c>
      <c r="M7" s="13" t="s">
        <v>19</v>
      </c>
      <c r="N7" s="13">
        <v>130</v>
      </c>
      <c r="O7" s="13">
        <v>336</v>
      </c>
      <c r="P7" s="13" t="s">
        <v>19</v>
      </c>
      <c r="Q7" s="13" t="s">
        <v>19</v>
      </c>
      <c r="R7" s="13">
        <v>466</v>
      </c>
      <c r="S7" s="13" t="s">
        <v>19</v>
      </c>
      <c r="T7" s="13">
        <v>53</v>
      </c>
      <c r="U7" s="13">
        <v>24</v>
      </c>
      <c r="V7" s="13">
        <v>31</v>
      </c>
      <c r="W7" s="13">
        <v>8</v>
      </c>
      <c r="X7" s="13">
        <v>23</v>
      </c>
      <c r="Y7" s="13">
        <v>11</v>
      </c>
      <c r="Z7" s="13">
        <v>6</v>
      </c>
      <c r="AA7" s="13">
        <v>5</v>
      </c>
      <c r="AB7" s="8"/>
      <c r="AC7" s="8"/>
      <c r="AD7" s="8"/>
      <c r="AE7" s="8"/>
    </row>
    <row r="8" spans="1:31" ht="19.5" customHeight="1">
      <c r="A8" s="7">
        <v>15</v>
      </c>
      <c r="B8" s="13">
        <v>3</v>
      </c>
      <c r="C8" s="13" t="s">
        <v>19</v>
      </c>
      <c r="D8" s="13">
        <v>3</v>
      </c>
      <c r="E8" s="13">
        <v>415</v>
      </c>
      <c r="F8" s="13">
        <v>79</v>
      </c>
      <c r="G8" s="13">
        <v>336</v>
      </c>
      <c r="H8" s="13" t="s">
        <v>19</v>
      </c>
      <c r="I8" s="13" t="s">
        <v>19</v>
      </c>
      <c r="J8" s="13">
        <v>79</v>
      </c>
      <c r="K8" s="13">
        <v>336</v>
      </c>
      <c r="L8" s="13" t="s">
        <v>19</v>
      </c>
      <c r="M8" s="13" t="s">
        <v>19</v>
      </c>
      <c r="N8" s="13">
        <v>79</v>
      </c>
      <c r="O8" s="13">
        <v>336</v>
      </c>
      <c r="P8" s="13" t="s">
        <v>19</v>
      </c>
      <c r="Q8" s="13" t="s">
        <v>19</v>
      </c>
      <c r="R8" s="13">
        <v>415</v>
      </c>
      <c r="S8" s="13" t="s">
        <v>19</v>
      </c>
      <c r="T8" s="13">
        <v>59</v>
      </c>
      <c r="U8" s="13">
        <v>15</v>
      </c>
      <c r="V8" s="13">
        <v>32</v>
      </c>
      <c r="W8" s="13">
        <v>6</v>
      </c>
      <c r="X8" s="13">
        <v>26</v>
      </c>
      <c r="Y8" s="13">
        <v>12</v>
      </c>
      <c r="Z8" s="13">
        <v>6</v>
      </c>
      <c r="AA8" s="13">
        <v>6</v>
      </c>
      <c r="AB8" s="8"/>
      <c r="AC8" s="8"/>
      <c r="AD8" s="8"/>
      <c r="AE8" s="8"/>
    </row>
    <row r="9" spans="1:31" ht="19.5" customHeight="1">
      <c r="A9" s="7">
        <v>16</v>
      </c>
      <c r="B9" s="13">
        <v>3</v>
      </c>
      <c r="C9" s="13" t="s">
        <v>19</v>
      </c>
      <c r="D9" s="13">
        <v>3</v>
      </c>
      <c r="E9" s="13">
        <v>355</v>
      </c>
      <c r="F9" s="13">
        <v>70</v>
      </c>
      <c r="G9" s="13">
        <v>285</v>
      </c>
      <c r="H9" s="13" t="s">
        <v>19</v>
      </c>
      <c r="I9" s="13" t="s">
        <v>19</v>
      </c>
      <c r="J9" s="13">
        <v>70</v>
      </c>
      <c r="K9" s="13">
        <v>285</v>
      </c>
      <c r="L9" s="13" t="s">
        <v>19</v>
      </c>
      <c r="M9" s="13" t="s">
        <v>19</v>
      </c>
      <c r="N9" s="13">
        <v>70</v>
      </c>
      <c r="O9" s="13">
        <v>285</v>
      </c>
      <c r="P9" s="13" t="s">
        <v>19</v>
      </c>
      <c r="Q9" s="13" t="s">
        <v>19</v>
      </c>
      <c r="R9" s="13">
        <v>355</v>
      </c>
      <c r="S9" s="13" t="s">
        <v>19</v>
      </c>
      <c r="T9" s="13">
        <v>0</v>
      </c>
      <c r="U9" s="13">
        <v>0</v>
      </c>
      <c r="V9" s="13">
        <v>31</v>
      </c>
      <c r="W9" s="13">
        <v>9</v>
      </c>
      <c r="X9" s="13">
        <v>22</v>
      </c>
      <c r="Y9" s="13">
        <v>12</v>
      </c>
      <c r="Z9" s="13">
        <v>6</v>
      </c>
      <c r="AA9" s="13">
        <v>6</v>
      </c>
      <c r="AB9" s="8"/>
      <c r="AC9" s="8"/>
      <c r="AD9" s="8"/>
      <c r="AE9" s="8"/>
    </row>
    <row r="10" spans="1:31" ht="19.5" customHeight="1">
      <c r="A10" s="7">
        <v>17</v>
      </c>
      <c r="B10" s="13">
        <v>3</v>
      </c>
      <c r="C10" s="13" t="s">
        <v>19</v>
      </c>
      <c r="D10" s="13">
        <v>3</v>
      </c>
      <c r="E10" s="13">
        <v>314</v>
      </c>
      <c r="F10" s="13">
        <v>67</v>
      </c>
      <c r="G10" s="13">
        <v>247</v>
      </c>
      <c r="H10" s="13" t="s">
        <v>19</v>
      </c>
      <c r="I10" s="13" t="s">
        <v>19</v>
      </c>
      <c r="J10" s="13">
        <v>67</v>
      </c>
      <c r="K10" s="13">
        <v>247</v>
      </c>
      <c r="L10" s="13" t="s">
        <v>19</v>
      </c>
      <c r="M10" s="13" t="s">
        <v>19</v>
      </c>
      <c r="N10" s="13">
        <v>67</v>
      </c>
      <c r="O10" s="13">
        <v>247</v>
      </c>
      <c r="P10" s="13" t="s">
        <v>19</v>
      </c>
      <c r="Q10" s="13" t="s">
        <v>19</v>
      </c>
      <c r="R10" s="13">
        <v>314</v>
      </c>
      <c r="S10" s="13" t="s">
        <v>19</v>
      </c>
      <c r="T10" s="13">
        <v>0</v>
      </c>
      <c r="U10" s="13">
        <v>0</v>
      </c>
      <c r="V10" s="13">
        <v>31</v>
      </c>
      <c r="W10" s="13">
        <v>9</v>
      </c>
      <c r="X10" s="13">
        <v>22</v>
      </c>
      <c r="Y10" s="13">
        <v>10</v>
      </c>
      <c r="Z10" s="13">
        <v>5</v>
      </c>
      <c r="AA10" s="13">
        <v>5</v>
      </c>
      <c r="AB10" s="8"/>
      <c r="AC10" s="8"/>
      <c r="AD10" s="8"/>
      <c r="AE10" s="8"/>
    </row>
    <row r="11" spans="1:31" ht="19.5" customHeight="1">
      <c r="A11" s="6">
        <v>18</v>
      </c>
      <c r="B11" s="14">
        <v>3</v>
      </c>
      <c r="C11" s="13" t="s">
        <v>21</v>
      </c>
      <c r="D11" s="13">
        <v>3</v>
      </c>
      <c r="E11" s="13">
        <v>306</v>
      </c>
      <c r="F11" s="13">
        <v>69</v>
      </c>
      <c r="G11" s="13">
        <v>237</v>
      </c>
      <c r="H11" s="13" t="s">
        <v>21</v>
      </c>
      <c r="I11" s="13" t="s">
        <v>21</v>
      </c>
      <c r="J11" s="13">
        <v>69</v>
      </c>
      <c r="K11" s="13">
        <v>237</v>
      </c>
      <c r="L11" s="13" t="s">
        <v>21</v>
      </c>
      <c r="M11" s="13" t="s">
        <v>21</v>
      </c>
      <c r="N11" s="13">
        <v>69</v>
      </c>
      <c r="O11" s="13">
        <v>237</v>
      </c>
      <c r="P11" s="13" t="s">
        <v>21</v>
      </c>
      <c r="Q11" s="13" t="s">
        <v>21</v>
      </c>
      <c r="R11" s="13">
        <v>306</v>
      </c>
      <c r="S11" s="13" t="s">
        <v>21</v>
      </c>
      <c r="T11" s="13"/>
      <c r="U11" s="13"/>
      <c r="V11" s="13">
        <v>33</v>
      </c>
      <c r="W11" s="13">
        <v>10</v>
      </c>
      <c r="X11" s="13">
        <v>23</v>
      </c>
      <c r="Y11" s="13">
        <v>10</v>
      </c>
      <c r="Z11" s="13">
        <v>5</v>
      </c>
      <c r="AA11" s="13">
        <v>5</v>
      </c>
      <c r="AB11" s="8"/>
      <c r="AC11" s="8"/>
      <c r="AD11" s="8"/>
      <c r="AE11" s="8"/>
    </row>
    <row r="12" spans="1:31" ht="19.5" customHeight="1">
      <c r="A12" s="6">
        <v>19</v>
      </c>
      <c r="B12" s="14">
        <v>3</v>
      </c>
      <c r="C12" s="13" t="s">
        <v>21</v>
      </c>
      <c r="D12" s="13">
        <v>3</v>
      </c>
      <c r="E12" s="13">
        <v>310</v>
      </c>
      <c r="F12" s="13">
        <v>48</v>
      </c>
      <c r="G12" s="13">
        <v>262</v>
      </c>
      <c r="H12" s="13" t="s">
        <v>21</v>
      </c>
      <c r="I12" s="13" t="s">
        <v>21</v>
      </c>
      <c r="J12" s="13">
        <v>48</v>
      </c>
      <c r="K12" s="13">
        <v>262</v>
      </c>
      <c r="L12" s="13" t="s">
        <v>21</v>
      </c>
      <c r="M12" s="13" t="s">
        <v>21</v>
      </c>
      <c r="N12" s="13">
        <v>48</v>
      </c>
      <c r="O12" s="13">
        <v>262</v>
      </c>
      <c r="P12" s="13" t="s">
        <v>21</v>
      </c>
      <c r="Q12" s="13" t="s">
        <v>21</v>
      </c>
      <c r="R12" s="13">
        <v>310</v>
      </c>
      <c r="S12" s="13" t="s">
        <v>21</v>
      </c>
      <c r="T12" s="13"/>
      <c r="U12" s="13"/>
      <c r="V12" s="13">
        <v>31</v>
      </c>
      <c r="W12" s="13">
        <v>8</v>
      </c>
      <c r="X12" s="13">
        <v>23</v>
      </c>
      <c r="Y12" s="13">
        <v>10</v>
      </c>
      <c r="Z12" s="13">
        <v>5</v>
      </c>
      <c r="AA12" s="13">
        <v>5</v>
      </c>
      <c r="AB12" s="8"/>
      <c r="AC12" s="8"/>
      <c r="AD12" s="8"/>
      <c r="AE12" s="8"/>
    </row>
    <row r="13" spans="1:31" ht="19.5" customHeight="1">
      <c r="A13" s="6">
        <v>20</v>
      </c>
      <c r="B13" s="14">
        <v>3</v>
      </c>
      <c r="C13" s="13" t="s">
        <v>21</v>
      </c>
      <c r="D13" s="13">
        <v>3</v>
      </c>
      <c r="E13" s="13">
        <v>309</v>
      </c>
      <c r="F13" s="13">
        <v>51</v>
      </c>
      <c r="G13" s="13">
        <v>258</v>
      </c>
      <c r="H13" s="13" t="s">
        <v>21</v>
      </c>
      <c r="I13" s="13" t="s">
        <v>21</v>
      </c>
      <c r="J13" s="13">
        <v>51</v>
      </c>
      <c r="K13" s="13">
        <v>258</v>
      </c>
      <c r="L13" s="13" t="s">
        <v>21</v>
      </c>
      <c r="M13" s="13" t="s">
        <v>21</v>
      </c>
      <c r="N13" s="13">
        <v>51</v>
      </c>
      <c r="O13" s="13">
        <v>258</v>
      </c>
      <c r="P13" s="13" t="s">
        <v>21</v>
      </c>
      <c r="Q13" s="13" t="s">
        <v>21</v>
      </c>
      <c r="R13" s="13">
        <v>309</v>
      </c>
      <c r="S13" s="13" t="s">
        <v>21</v>
      </c>
      <c r="T13" s="13"/>
      <c r="U13" s="13"/>
      <c r="V13" s="13">
        <v>30</v>
      </c>
      <c r="W13" s="13">
        <v>9</v>
      </c>
      <c r="X13" s="13">
        <v>21</v>
      </c>
      <c r="Y13" s="13">
        <v>19</v>
      </c>
      <c r="Z13" s="13">
        <v>11</v>
      </c>
      <c r="AA13" s="13">
        <v>8</v>
      </c>
      <c r="AB13" s="8"/>
      <c r="AC13" s="8"/>
      <c r="AD13" s="8"/>
      <c r="AE13" s="8"/>
    </row>
    <row r="14" spans="1:31" s="8" customFormat="1" ht="19.5" customHeight="1">
      <c r="A14" s="6">
        <v>21</v>
      </c>
      <c r="B14" s="14">
        <v>3</v>
      </c>
      <c r="C14" s="13" t="s">
        <v>21</v>
      </c>
      <c r="D14" s="13">
        <v>3</v>
      </c>
      <c r="E14" s="13">
        <v>301</v>
      </c>
      <c r="F14" s="13">
        <v>53</v>
      </c>
      <c r="G14" s="13">
        <v>248</v>
      </c>
      <c r="H14" s="13" t="s">
        <v>21</v>
      </c>
      <c r="I14" s="13" t="s">
        <v>21</v>
      </c>
      <c r="J14" s="13">
        <v>53</v>
      </c>
      <c r="K14" s="13">
        <v>248</v>
      </c>
      <c r="L14" s="13" t="s">
        <v>21</v>
      </c>
      <c r="M14" s="13" t="s">
        <v>21</v>
      </c>
      <c r="N14" s="13">
        <v>53</v>
      </c>
      <c r="O14" s="13">
        <v>258</v>
      </c>
      <c r="P14" s="13" t="s">
        <v>21</v>
      </c>
      <c r="Q14" s="13" t="s">
        <v>21</v>
      </c>
      <c r="R14" s="13">
        <v>301</v>
      </c>
      <c r="S14" s="13" t="s">
        <v>21</v>
      </c>
      <c r="T14" s="13"/>
      <c r="U14" s="13"/>
      <c r="V14" s="13">
        <v>32</v>
      </c>
      <c r="W14" s="13">
        <v>10</v>
      </c>
      <c r="X14" s="13">
        <v>22</v>
      </c>
      <c r="Y14" s="13">
        <v>9</v>
      </c>
      <c r="Z14" s="13">
        <v>4</v>
      </c>
      <c r="AA14" s="13">
        <v>5</v>
      </c>
    </row>
    <row r="15" spans="1:31" ht="19.5" customHeight="1">
      <c r="A15" s="7">
        <v>22</v>
      </c>
      <c r="B15" s="15">
        <v>3</v>
      </c>
      <c r="C15" s="16" t="s">
        <v>1</v>
      </c>
      <c r="D15" s="16">
        <v>3</v>
      </c>
      <c r="E15" s="16">
        <v>276</v>
      </c>
      <c r="F15" s="16">
        <v>50</v>
      </c>
      <c r="G15" s="16">
        <v>226</v>
      </c>
      <c r="H15" s="16" t="s">
        <v>1</v>
      </c>
      <c r="I15" s="16" t="s">
        <v>1</v>
      </c>
      <c r="J15" s="16">
        <v>50</v>
      </c>
      <c r="K15" s="16">
        <v>226</v>
      </c>
      <c r="L15" s="16" t="s">
        <v>1</v>
      </c>
      <c r="M15" s="16" t="s">
        <v>1</v>
      </c>
      <c r="N15" s="16">
        <v>50</v>
      </c>
      <c r="O15" s="16">
        <v>226</v>
      </c>
      <c r="P15" s="16" t="s">
        <v>1</v>
      </c>
      <c r="Q15" s="16" t="s">
        <v>1</v>
      </c>
      <c r="R15" s="17">
        <v>276</v>
      </c>
      <c r="S15" s="17" t="s">
        <v>1</v>
      </c>
      <c r="T15" s="17"/>
      <c r="U15" s="17"/>
      <c r="V15" s="16">
        <v>29</v>
      </c>
      <c r="W15" s="16">
        <v>8</v>
      </c>
      <c r="X15" s="16">
        <v>21</v>
      </c>
      <c r="Y15" s="16">
        <v>9</v>
      </c>
      <c r="Z15" s="16">
        <v>4</v>
      </c>
      <c r="AA15" s="16">
        <v>5</v>
      </c>
      <c r="AB15" s="8"/>
      <c r="AC15" s="8"/>
      <c r="AD15" s="8"/>
      <c r="AE15" s="8"/>
    </row>
    <row r="16" spans="1:31" ht="19.5" customHeight="1">
      <c r="A16" s="7">
        <v>23</v>
      </c>
      <c r="B16" s="15">
        <v>3</v>
      </c>
      <c r="C16" s="16" t="s">
        <v>1</v>
      </c>
      <c r="D16" s="16">
        <v>3</v>
      </c>
      <c r="E16" s="16">
        <v>292</v>
      </c>
      <c r="F16" s="16">
        <v>53</v>
      </c>
      <c r="G16" s="16">
        <v>239</v>
      </c>
      <c r="H16" s="16" t="s">
        <v>1</v>
      </c>
      <c r="I16" s="16" t="s">
        <v>1</v>
      </c>
      <c r="J16" s="16">
        <v>53</v>
      </c>
      <c r="K16" s="16">
        <v>239</v>
      </c>
      <c r="L16" s="16" t="s">
        <v>1</v>
      </c>
      <c r="M16" s="16" t="s">
        <v>1</v>
      </c>
      <c r="N16" s="16">
        <v>53</v>
      </c>
      <c r="O16" s="16">
        <v>239</v>
      </c>
      <c r="P16" s="16" t="s">
        <v>1</v>
      </c>
      <c r="Q16" s="16" t="s">
        <v>1</v>
      </c>
      <c r="R16" s="17">
        <v>292</v>
      </c>
      <c r="S16" s="17" t="s">
        <v>1</v>
      </c>
      <c r="T16" s="17"/>
      <c r="U16" s="17"/>
      <c r="V16" s="16">
        <v>29</v>
      </c>
      <c r="W16" s="16">
        <v>8</v>
      </c>
      <c r="X16" s="16">
        <v>21</v>
      </c>
      <c r="Y16" s="16">
        <v>9</v>
      </c>
      <c r="Z16" s="16">
        <v>5</v>
      </c>
      <c r="AA16" s="16">
        <v>4</v>
      </c>
      <c r="AB16" s="8"/>
      <c r="AC16" s="8"/>
      <c r="AD16" s="8"/>
      <c r="AE16" s="8"/>
    </row>
    <row r="17" spans="1:31" ht="19.5" customHeight="1">
      <c r="A17" s="6">
        <v>24</v>
      </c>
      <c r="B17" s="15">
        <v>3</v>
      </c>
      <c r="C17" s="16" t="s">
        <v>1</v>
      </c>
      <c r="D17" s="16">
        <v>3</v>
      </c>
      <c r="E17" s="16">
        <v>296</v>
      </c>
      <c r="F17" s="16">
        <v>48</v>
      </c>
      <c r="G17" s="16">
        <v>248</v>
      </c>
      <c r="H17" s="16" t="s">
        <v>1</v>
      </c>
      <c r="I17" s="16" t="s">
        <v>1</v>
      </c>
      <c r="J17" s="16">
        <v>48</v>
      </c>
      <c r="K17" s="16">
        <v>248</v>
      </c>
      <c r="L17" s="16" t="s">
        <v>1</v>
      </c>
      <c r="M17" s="16" t="s">
        <v>1</v>
      </c>
      <c r="N17" s="16">
        <v>48</v>
      </c>
      <c r="O17" s="16">
        <v>248</v>
      </c>
      <c r="P17" s="16" t="s">
        <v>1</v>
      </c>
      <c r="Q17" s="16" t="s">
        <v>1</v>
      </c>
      <c r="R17" s="17">
        <v>296</v>
      </c>
      <c r="S17" s="17" t="s">
        <v>1</v>
      </c>
      <c r="T17" s="17"/>
      <c r="U17" s="17"/>
      <c r="V17" s="16">
        <v>29</v>
      </c>
      <c r="W17" s="16">
        <v>8</v>
      </c>
      <c r="X17" s="16">
        <v>21</v>
      </c>
      <c r="Y17" s="16">
        <v>9</v>
      </c>
      <c r="Z17" s="16">
        <v>4</v>
      </c>
      <c r="AA17" s="16">
        <v>5</v>
      </c>
      <c r="AB17" s="8"/>
      <c r="AC17" s="8"/>
      <c r="AD17" s="8"/>
      <c r="AE17" s="8"/>
    </row>
    <row r="18" spans="1:31" ht="19.5" customHeight="1">
      <c r="A18" s="6">
        <v>25</v>
      </c>
      <c r="B18" s="15">
        <v>3</v>
      </c>
      <c r="C18" s="16" t="s">
        <v>1</v>
      </c>
      <c r="D18" s="16">
        <v>3</v>
      </c>
      <c r="E18" s="16">
        <v>289</v>
      </c>
      <c r="F18" s="16">
        <v>51</v>
      </c>
      <c r="G18" s="16">
        <v>238</v>
      </c>
      <c r="H18" s="16" t="s">
        <v>1</v>
      </c>
      <c r="I18" s="16" t="s">
        <v>1</v>
      </c>
      <c r="J18" s="16">
        <v>51</v>
      </c>
      <c r="K18" s="16">
        <v>238</v>
      </c>
      <c r="L18" s="16" t="s">
        <v>1</v>
      </c>
      <c r="M18" s="16" t="s">
        <v>1</v>
      </c>
      <c r="N18" s="16">
        <v>51</v>
      </c>
      <c r="O18" s="16">
        <v>238</v>
      </c>
      <c r="P18" s="16" t="s">
        <v>1</v>
      </c>
      <c r="Q18" s="16" t="s">
        <v>1</v>
      </c>
      <c r="R18" s="18">
        <v>289</v>
      </c>
      <c r="S18" s="17" t="s">
        <v>1</v>
      </c>
      <c r="T18" s="17"/>
      <c r="U18" s="17"/>
      <c r="V18" s="16">
        <v>29</v>
      </c>
      <c r="W18" s="16">
        <v>8</v>
      </c>
      <c r="X18" s="16">
        <v>21</v>
      </c>
      <c r="Y18" s="16">
        <v>9</v>
      </c>
      <c r="Z18" s="16">
        <v>4</v>
      </c>
      <c r="AA18" s="16">
        <v>5</v>
      </c>
      <c r="AB18" s="8"/>
      <c r="AC18" s="8"/>
      <c r="AD18" s="8"/>
      <c r="AE18" s="8"/>
    </row>
    <row r="19" spans="1:31" ht="19.5" customHeight="1">
      <c r="A19" s="6">
        <v>26</v>
      </c>
      <c r="B19" s="15">
        <v>3</v>
      </c>
      <c r="C19" s="16" t="s">
        <v>1</v>
      </c>
      <c r="D19" s="16">
        <v>3</v>
      </c>
      <c r="E19" s="16">
        <v>284</v>
      </c>
      <c r="F19" s="16">
        <v>51</v>
      </c>
      <c r="G19" s="16">
        <v>233</v>
      </c>
      <c r="H19" s="16" t="s">
        <v>1</v>
      </c>
      <c r="I19" s="16" t="s">
        <v>1</v>
      </c>
      <c r="J19" s="16">
        <v>51</v>
      </c>
      <c r="K19" s="16">
        <v>233</v>
      </c>
      <c r="L19" s="16" t="s">
        <v>1</v>
      </c>
      <c r="M19" s="16" t="s">
        <v>1</v>
      </c>
      <c r="N19" s="16">
        <v>51</v>
      </c>
      <c r="O19" s="16">
        <v>233</v>
      </c>
      <c r="P19" s="16" t="s">
        <v>1</v>
      </c>
      <c r="Q19" s="16" t="s">
        <v>1</v>
      </c>
      <c r="R19" s="18">
        <v>284</v>
      </c>
      <c r="S19" s="17" t="s">
        <v>1</v>
      </c>
      <c r="T19" s="17"/>
      <c r="U19" s="17"/>
      <c r="V19" s="16">
        <v>28</v>
      </c>
      <c r="W19" s="16">
        <v>7</v>
      </c>
      <c r="X19" s="16">
        <v>21</v>
      </c>
      <c r="Y19" s="16">
        <v>9</v>
      </c>
      <c r="Z19" s="16">
        <v>4</v>
      </c>
      <c r="AA19" s="16">
        <v>5</v>
      </c>
      <c r="AB19" s="8"/>
      <c r="AC19" s="8"/>
      <c r="AD19" s="8"/>
      <c r="AE19" s="8"/>
    </row>
    <row r="20" spans="1:31" ht="19.5" customHeight="1">
      <c r="A20" s="7">
        <v>27</v>
      </c>
      <c r="B20" s="19">
        <v>3</v>
      </c>
      <c r="C20" s="16" t="s">
        <v>1</v>
      </c>
      <c r="D20" s="16">
        <v>3</v>
      </c>
      <c r="E20" s="16">
        <v>277</v>
      </c>
      <c r="F20" s="16">
        <v>50</v>
      </c>
      <c r="G20" s="16">
        <v>227</v>
      </c>
      <c r="H20" s="16" t="s">
        <v>1</v>
      </c>
      <c r="I20" s="16" t="s">
        <v>1</v>
      </c>
      <c r="J20" s="16">
        <v>50</v>
      </c>
      <c r="K20" s="16">
        <v>227</v>
      </c>
      <c r="L20" s="16" t="s">
        <v>1</v>
      </c>
      <c r="M20" s="16" t="s">
        <v>1</v>
      </c>
      <c r="N20" s="16">
        <v>50</v>
      </c>
      <c r="O20" s="16">
        <v>227</v>
      </c>
      <c r="P20" s="16" t="s">
        <v>1</v>
      </c>
      <c r="Q20" s="16" t="s">
        <v>1</v>
      </c>
      <c r="R20" s="18">
        <v>277</v>
      </c>
      <c r="S20" s="17" t="s">
        <v>1</v>
      </c>
      <c r="T20" s="17"/>
      <c r="U20" s="17"/>
      <c r="V20" s="16">
        <v>23</v>
      </c>
      <c r="W20" s="16">
        <v>4</v>
      </c>
      <c r="X20" s="16">
        <v>19</v>
      </c>
      <c r="Y20" s="16">
        <v>9</v>
      </c>
      <c r="Z20" s="16">
        <v>4</v>
      </c>
      <c r="AA20" s="16">
        <v>5</v>
      </c>
      <c r="AB20" s="8"/>
      <c r="AC20" s="8"/>
      <c r="AD20" s="8"/>
      <c r="AE20" s="8"/>
    </row>
    <row r="21" spans="1:31" ht="19.5" customHeight="1">
      <c r="A21" s="7">
        <v>28</v>
      </c>
      <c r="B21" s="19">
        <v>3</v>
      </c>
      <c r="C21" s="16" t="s">
        <v>1</v>
      </c>
      <c r="D21" s="16">
        <v>3</v>
      </c>
      <c r="E21" s="16">
        <v>261</v>
      </c>
      <c r="F21" s="16">
        <v>49</v>
      </c>
      <c r="G21" s="16">
        <v>212</v>
      </c>
      <c r="H21" s="16" t="s">
        <v>1</v>
      </c>
      <c r="I21" s="16" t="s">
        <v>1</v>
      </c>
      <c r="J21" s="16">
        <v>49</v>
      </c>
      <c r="K21" s="16">
        <v>212</v>
      </c>
      <c r="L21" s="16" t="s">
        <v>1</v>
      </c>
      <c r="M21" s="16" t="s">
        <v>1</v>
      </c>
      <c r="N21" s="16">
        <v>49</v>
      </c>
      <c r="O21" s="16">
        <v>212</v>
      </c>
      <c r="P21" s="16" t="s">
        <v>1</v>
      </c>
      <c r="Q21" s="16" t="s">
        <v>1</v>
      </c>
      <c r="R21" s="18">
        <v>261</v>
      </c>
      <c r="S21" s="17" t="s">
        <v>1</v>
      </c>
      <c r="T21" s="17"/>
      <c r="U21" s="17"/>
      <c r="V21" s="16">
        <v>24</v>
      </c>
      <c r="W21" s="16">
        <v>5</v>
      </c>
      <c r="X21" s="16">
        <v>19</v>
      </c>
      <c r="Y21" s="16">
        <v>9</v>
      </c>
      <c r="Z21" s="16">
        <v>4</v>
      </c>
      <c r="AA21" s="16">
        <v>5</v>
      </c>
      <c r="AB21" s="8"/>
      <c r="AC21" s="8"/>
      <c r="AD21" s="8"/>
      <c r="AE21" s="8"/>
    </row>
    <row r="22" spans="1:31" ht="19.5" customHeight="1">
      <c r="A22" s="7">
        <v>29</v>
      </c>
      <c r="B22" s="19">
        <v>3</v>
      </c>
      <c r="C22" s="16" t="s">
        <v>1</v>
      </c>
      <c r="D22" s="16">
        <v>3</v>
      </c>
      <c r="E22" s="16">
        <v>261</v>
      </c>
      <c r="F22" s="16">
        <v>56</v>
      </c>
      <c r="G22" s="16">
        <v>205</v>
      </c>
      <c r="H22" s="16" t="s">
        <v>1</v>
      </c>
      <c r="I22" s="16" t="s">
        <v>1</v>
      </c>
      <c r="J22" s="16">
        <v>56</v>
      </c>
      <c r="K22" s="16">
        <v>205</v>
      </c>
      <c r="L22" s="16" t="s">
        <v>1</v>
      </c>
      <c r="M22" s="16" t="s">
        <v>1</v>
      </c>
      <c r="N22" s="16">
        <v>56</v>
      </c>
      <c r="O22" s="16">
        <v>205</v>
      </c>
      <c r="P22" s="16" t="s">
        <v>1</v>
      </c>
      <c r="Q22" s="16" t="s">
        <v>1</v>
      </c>
      <c r="R22" s="18"/>
      <c r="S22" s="17"/>
      <c r="T22" s="17"/>
      <c r="U22" s="17"/>
      <c r="V22" s="16">
        <v>23</v>
      </c>
      <c r="W22" s="16">
        <v>5</v>
      </c>
      <c r="X22" s="16">
        <v>18</v>
      </c>
      <c r="Y22" s="16">
        <v>8</v>
      </c>
      <c r="Z22" s="16">
        <v>4</v>
      </c>
      <c r="AA22" s="16">
        <v>4</v>
      </c>
      <c r="AB22" s="8"/>
      <c r="AC22" s="8"/>
      <c r="AD22" s="8"/>
      <c r="AE22" s="8"/>
    </row>
    <row r="23" spans="1:31" ht="19.5" customHeight="1">
      <c r="A23" s="7">
        <v>30</v>
      </c>
      <c r="B23" s="19">
        <v>3</v>
      </c>
      <c r="C23" s="16" t="s">
        <v>1</v>
      </c>
      <c r="D23" s="16">
        <v>3</v>
      </c>
      <c r="E23" s="16">
        <v>248</v>
      </c>
      <c r="F23" s="16">
        <v>40</v>
      </c>
      <c r="G23" s="16">
        <v>208</v>
      </c>
      <c r="H23" s="16" t="s">
        <v>1</v>
      </c>
      <c r="I23" s="16" t="s">
        <v>1</v>
      </c>
      <c r="J23" s="16">
        <v>40</v>
      </c>
      <c r="K23" s="16">
        <v>208</v>
      </c>
      <c r="L23" s="16" t="s">
        <v>1</v>
      </c>
      <c r="M23" s="16" t="s">
        <v>1</v>
      </c>
      <c r="N23" s="16">
        <v>40</v>
      </c>
      <c r="O23" s="16">
        <v>208</v>
      </c>
      <c r="P23" s="16" t="s">
        <v>1</v>
      </c>
      <c r="Q23" s="16" t="s">
        <v>1</v>
      </c>
      <c r="R23" s="18"/>
      <c r="S23" s="17"/>
      <c r="T23" s="17"/>
      <c r="U23" s="17"/>
      <c r="V23" s="16">
        <v>20</v>
      </c>
      <c r="W23" s="16">
        <v>4</v>
      </c>
      <c r="X23" s="16">
        <v>16</v>
      </c>
      <c r="Y23" s="16">
        <v>9</v>
      </c>
      <c r="Z23" s="16">
        <v>4</v>
      </c>
      <c r="AA23" s="16">
        <v>5</v>
      </c>
      <c r="AB23" s="8"/>
      <c r="AC23" s="8"/>
      <c r="AD23" s="8"/>
      <c r="AE23" s="8"/>
    </row>
    <row r="24" spans="1:31" ht="19.5" customHeight="1">
      <c r="A24" s="7" t="s">
        <v>22</v>
      </c>
      <c r="B24" s="19">
        <v>3</v>
      </c>
      <c r="C24" s="16" t="s">
        <v>1</v>
      </c>
      <c r="D24" s="16">
        <v>3</v>
      </c>
      <c r="E24" s="16">
        <v>235</v>
      </c>
      <c r="F24" s="16">
        <v>29</v>
      </c>
      <c r="G24" s="16">
        <v>206</v>
      </c>
      <c r="H24" s="16" t="s">
        <v>1</v>
      </c>
      <c r="I24" s="16" t="s">
        <v>1</v>
      </c>
      <c r="J24" s="16">
        <v>29</v>
      </c>
      <c r="K24" s="16">
        <v>206</v>
      </c>
      <c r="L24" s="16" t="s">
        <v>1</v>
      </c>
      <c r="M24" s="16" t="s">
        <v>1</v>
      </c>
      <c r="N24" s="16">
        <v>29</v>
      </c>
      <c r="O24" s="16">
        <v>206</v>
      </c>
      <c r="P24" s="16" t="s">
        <v>1</v>
      </c>
      <c r="Q24" s="16" t="s">
        <v>1</v>
      </c>
      <c r="R24" s="18"/>
      <c r="S24" s="17"/>
      <c r="T24" s="17"/>
      <c r="U24" s="17"/>
      <c r="V24" s="16">
        <v>20</v>
      </c>
      <c r="W24" s="16">
        <v>5</v>
      </c>
      <c r="X24" s="16">
        <v>15</v>
      </c>
      <c r="Y24" s="16">
        <v>8</v>
      </c>
      <c r="Z24" s="16">
        <v>3</v>
      </c>
      <c r="AA24" s="16">
        <v>5</v>
      </c>
      <c r="AB24" s="8"/>
      <c r="AC24" s="8"/>
      <c r="AD24" s="8"/>
      <c r="AE24" s="8"/>
    </row>
    <row r="25" spans="1:31">
      <c r="A25" s="9" t="s">
        <v>6</v>
      </c>
    </row>
  </sheetData>
  <mergeCells count="34">
    <mergeCell ref="Y2:AA2"/>
    <mergeCell ref="E3:K3"/>
    <mergeCell ref="L3:M3"/>
    <mergeCell ref="N3:O3"/>
    <mergeCell ref="P3:Q3"/>
    <mergeCell ref="Z3:Z5"/>
    <mergeCell ref="AA3:AA5"/>
    <mergeCell ref="O4:O5"/>
    <mergeCell ref="P4:P5"/>
    <mergeCell ref="Q4:Q5"/>
    <mergeCell ref="V3:V5"/>
    <mergeCell ref="W3:W5"/>
    <mergeCell ref="X3:X5"/>
    <mergeCell ref="Y3:Y5"/>
    <mergeCell ref="G4:G5"/>
    <mergeCell ref="H4:I4"/>
    <mergeCell ref="A2:A5"/>
    <mergeCell ref="B2:D2"/>
    <mergeCell ref="E4:E5"/>
    <mergeCell ref="F4:F5"/>
    <mergeCell ref="B3:B5"/>
    <mergeCell ref="C3:C5"/>
    <mergeCell ref="D3:D5"/>
    <mergeCell ref="R3:R5"/>
    <mergeCell ref="T3:T5"/>
    <mergeCell ref="J4:K4"/>
    <mergeCell ref="L4:L5"/>
    <mergeCell ref="V2:X2"/>
    <mergeCell ref="L2:M2"/>
    <mergeCell ref="S3:S5"/>
    <mergeCell ref="T2:U2"/>
    <mergeCell ref="U3:U5"/>
    <mergeCell ref="M4:M5"/>
    <mergeCell ref="N4:N5"/>
  </mergeCells>
  <phoneticPr fontId="2"/>
  <printOptions horizontalCentered="1"/>
  <pageMargins left="0.39370078740157483" right="0.39370078740157483" top="0.98425196850393704" bottom="0.98425196850393704" header="0.51181102362204722" footer="0.51181102362204722"/>
  <pageSetup paperSize="9" scale="8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20</vt:lpstr>
      <vt:lpstr>'20-20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8T00:53:30Z</cp:lastPrinted>
  <dcterms:created xsi:type="dcterms:W3CDTF">1997-01-08T22:48:59Z</dcterms:created>
  <dcterms:modified xsi:type="dcterms:W3CDTF">2021-02-08T00:53:32Z</dcterms:modified>
</cp:coreProperties>
</file>